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7\HP2007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7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activeCell="D13" sqref="D13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66</v>
      </c>
      <c r="C5" s="11">
        <v>1385</v>
      </c>
      <c r="D5" s="12">
        <v>2851</v>
      </c>
    </row>
    <row r="6" spans="1:4" ht="18" customHeight="1" x14ac:dyDescent="0.2">
      <c r="A6" s="13">
        <v>1</v>
      </c>
      <c r="B6" s="14">
        <v>1502</v>
      </c>
      <c r="C6" s="15">
        <v>1475</v>
      </c>
      <c r="D6" s="16">
        <v>2977</v>
      </c>
    </row>
    <row r="7" spans="1:4" ht="18" customHeight="1" x14ac:dyDescent="0.2">
      <c r="A7" s="13">
        <v>2</v>
      </c>
      <c r="B7" s="14">
        <v>1572</v>
      </c>
      <c r="C7" s="15">
        <v>1486</v>
      </c>
      <c r="D7" s="16">
        <v>3058</v>
      </c>
    </row>
    <row r="8" spans="1:4" ht="18" customHeight="1" x14ac:dyDescent="0.2">
      <c r="A8" s="13">
        <v>3</v>
      </c>
      <c r="B8" s="14">
        <v>1584</v>
      </c>
      <c r="C8" s="15">
        <v>1485</v>
      </c>
      <c r="D8" s="16">
        <v>3069</v>
      </c>
    </row>
    <row r="9" spans="1:4" ht="18" customHeight="1" x14ac:dyDescent="0.2">
      <c r="A9" s="13">
        <v>4</v>
      </c>
      <c r="B9" s="14">
        <v>1673</v>
      </c>
      <c r="C9" s="15">
        <v>1587</v>
      </c>
      <c r="D9" s="16">
        <v>3260</v>
      </c>
    </row>
    <row r="10" spans="1:4" ht="18" customHeight="1" x14ac:dyDescent="0.2">
      <c r="A10" s="13" t="s">
        <v>6</v>
      </c>
      <c r="B10" s="17">
        <v>7797</v>
      </c>
      <c r="C10" s="18">
        <v>7418</v>
      </c>
      <c r="D10" s="19">
        <v>15215</v>
      </c>
    </row>
    <row r="11" spans="1:4" ht="18" customHeight="1" x14ac:dyDescent="0.2">
      <c r="A11" s="13">
        <v>5</v>
      </c>
      <c r="B11" s="17">
        <v>1671</v>
      </c>
      <c r="C11" s="18">
        <v>1562</v>
      </c>
      <c r="D11" s="19">
        <v>3233</v>
      </c>
    </row>
    <row r="12" spans="1:4" ht="18" customHeight="1" x14ac:dyDescent="0.2">
      <c r="A12" s="13">
        <v>6</v>
      </c>
      <c r="B12" s="17">
        <v>1574</v>
      </c>
      <c r="C12" s="18">
        <v>1601</v>
      </c>
      <c r="D12" s="19">
        <v>3175</v>
      </c>
    </row>
    <row r="13" spans="1:4" ht="18" customHeight="1" x14ac:dyDescent="0.2">
      <c r="A13" s="13">
        <v>7</v>
      </c>
      <c r="B13" s="17">
        <v>1682</v>
      </c>
      <c r="C13" s="18">
        <v>1580</v>
      </c>
      <c r="D13" s="19">
        <v>3262</v>
      </c>
    </row>
    <row r="14" spans="1:4" ht="18" customHeight="1" x14ac:dyDescent="0.2">
      <c r="A14" s="13">
        <v>8</v>
      </c>
      <c r="B14" s="17">
        <v>1679</v>
      </c>
      <c r="C14" s="18">
        <v>1649</v>
      </c>
      <c r="D14" s="19">
        <v>3328</v>
      </c>
    </row>
    <row r="15" spans="1:4" ht="18" customHeight="1" x14ac:dyDescent="0.2">
      <c r="A15" s="13">
        <v>9</v>
      </c>
      <c r="B15" s="17">
        <v>1798</v>
      </c>
      <c r="C15" s="18">
        <v>1588</v>
      </c>
      <c r="D15" s="19">
        <v>3386</v>
      </c>
    </row>
    <row r="16" spans="1:4" ht="18" customHeight="1" x14ac:dyDescent="0.2">
      <c r="A16" s="13" t="s">
        <v>7</v>
      </c>
      <c r="B16" s="17">
        <v>8404</v>
      </c>
      <c r="C16" s="18">
        <v>7980</v>
      </c>
      <c r="D16" s="19">
        <v>16384</v>
      </c>
    </row>
    <row r="17" spans="1:4" ht="18" customHeight="1" x14ac:dyDescent="0.2">
      <c r="A17" s="13">
        <v>10</v>
      </c>
      <c r="B17" s="17">
        <v>1812</v>
      </c>
      <c r="C17" s="18">
        <v>1700</v>
      </c>
      <c r="D17" s="19">
        <v>3512</v>
      </c>
    </row>
    <row r="18" spans="1:4" ht="18" customHeight="1" x14ac:dyDescent="0.2">
      <c r="A18" s="13">
        <v>11</v>
      </c>
      <c r="B18" s="17">
        <v>1819</v>
      </c>
      <c r="C18" s="18">
        <v>1699</v>
      </c>
      <c r="D18" s="19">
        <v>3518</v>
      </c>
    </row>
    <row r="19" spans="1:4" ht="18" customHeight="1" x14ac:dyDescent="0.2">
      <c r="A19" s="13">
        <v>12</v>
      </c>
      <c r="B19" s="17">
        <v>1835</v>
      </c>
      <c r="C19" s="18">
        <v>1759</v>
      </c>
      <c r="D19" s="19">
        <v>3594</v>
      </c>
    </row>
    <row r="20" spans="1:4" ht="18" customHeight="1" x14ac:dyDescent="0.2">
      <c r="A20" s="13">
        <v>13</v>
      </c>
      <c r="B20" s="17">
        <v>1774</v>
      </c>
      <c r="C20" s="18">
        <v>1752</v>
      </c>
      <c r="D20" s="19">
        <v>3526</v>
      </c>
    </row>
    <row r="21" spans="1:4" ht="18" customHeight="1" x14ac:dyDescent="0.2">
      <c r="A21" s="13">
        <v>14</v>
      </c>
      <c r="B21" s="17">
        <v>1895</v>
      </c>
      <c r="C21" s="18">
        <v>1764</v>
      </c>
      <c r="D21" s="19">
        <v>3659</v>
      </c>
    </row>
    <row r="22" spans="1:4" ht="18" customHeight="1" x14ac:dyDescent="0.2">
      <c r="A22" s="13" t="s">
        <v>8</v>
      </c>
      <c r="B22" s="17">
        <v>9135</v>
      </c>
      <c r="C22" s="18">
        <v>8674</v>
      </c>
      <c r="D22" s="19">
        <v>17809</v>
      </c>
    </row>
    <row r="23" spans="1:4" ht="18" customHeight="1" x14ac:dyDescent="0.2">
      <c r="A23" s="13" t="s">
        <v>9</v>
      </c>
      <c r="B23" s="17">
        <v>25336</v>
      </c>
      <c r="C23" s="18">
        <v>24072</v>
      </c>
      <c r="D23" s="19">
        <v>49408</v>
      </c>
    </row>
    <row r="24" spans="1:4" ht="18" customHeight="1" x14ac:dyDescent="0.2">
      <c r="A24" s="13">
        <v>15</v>
      </c>
      <c r="B24" s="17">
        <v>1908</v>
      </c>
      <c r="C24" s="18">
        <v>1782</v>
      </c>
      <c r="D24" s="19">
        <v>3690</v>
      </c>
    </row>
    <row r="25" spans="1:4" ht="18" customHeight="1" x14ac:dyDescent="0.2">
      <c r="A25" s="13">
        <v>16</v>
      </c>
      <c r="B25" s="17">
        <v>1927</v>
      </c>
      <c r="C25" s="18">
        <v>1889</v>
      </c>
      <c r="D25" s="19">
        <v>3816</v>
      </c>
    </row>
    <row r="26" spans="1:4" ht="18" customHeight="1" x14ac:dyDescent="0.2">
      <c r="A26" s="13">
        <v>17</v>
      </c>
      <c r="B26" s="17">
        <v>1923</v>
      </c>
      <c r="C26" s="18">
        <v>1872</v>
      </c>
      <c r="D26" s="19">
        <v>3795</v>
      </c>
    </row>
    <row r="27" spans="1:4" ht="18" customHeight="1" x14ac:dyDescent="0.2">
      <c r="A27" s="13">
        <v>18</v>
      </c>
      <c r="B27" s="17">
        <v>2111</v>
      </c>
      <c r="C27" s="18">
        <v>1900</v>
      </c>
      <c r="D27" s="19">
        <v>4011</v>
      </c>
    </row>
    <row r="28" spans="1:4" ht="18" customHeight="1" x14ac:dyDescent="0.2">
      <c r="A28" s="13">
        <v>19</v>
      </c>
      <c r="B28" s="17">
        <v>2126</v>
      </c>
      <c r="C28" s="18">
        <v>1966</v>
      </c>
      <c r="D28" s="19">
        <v>4092</v>
      </c>
    </row>
    <row r="29" spans="1:4" ht="18" customHeight="1" x14ac:dyDescent="0.2">
      <c r="A29" s="13" t="s">
        <v>10</v>
      </c>
      <c r="B29" s="17">
        <v>9995</v>
      </c>
      <c r="C29" s="18">
        <v>9409</v>
      </c>
      <c r="D29" s="19">
        <v>19404</v>
      </c>
    </row>
    <row r="30" spans="1:4" ht="18" customHeight="1" x14ac:dyDescent="0.2">
      <c r="A30" s="13">
        <v>20</v>
      </c>
      <c r="B30" s="17">
        <v>2144</v>
      </c>
      <c r="C30" s="18">
        <v>1924</v>
      </c>
      <c r="D30" s="19">
        <v>4068</v>
      </c>
    </row>
    <row r="31" spans="1:4" ht="18" customHeight="1" x14ac:dyDescent="0.2">
      <c r="A31" s="13">
        <v>21</v>
      </c>
      <c r="B31" s="17">
        <v>2087</v>
      </c>
      <c r="C31" s="18">
        <v>1955</v>
      </c>
      <c r="D31" s="19">
        <v>4042</v>
      </c>
    </row>
    <row r="32" spans="1:4" ht="18" customHeight="1" x14ac:dyDescent="0.2">
      <c r="A32" s="13">
        <v>22</v>
      </c>
      <c r="B32" s="17">
        <v>2167</v>
      </c>
      <c r="C32" s="18">
        <v>1830</v>
      </c>
      <c r="D32" s="19">
        <v>3997</v>
      </c>
    </row>
    <row r="33" spans="1:4" ht="18" customHeight="1" x14ac:dyDescent="0.2">
      <c r="A33" s="13">
        <v>23</v>
      </c>
      <c r="B33" s="17">
        <v>2152</v>
      </c>
      <c r="C33" s="18">
        <v>1842</v>
      </c>
      <c r="D33" s="19">
        <v>3994</v>
      </c>
    </row>
    <row r="34" spans="1:4" ht="18" customHeight="1" x14ac:dyDescent="0.2">
      <c r="A34" s="13">
        <v>24</v>
      </c>
      <c r="B34" s="17">
        <v>2198</v>
      </c>
      <c r="C34" s="18">
        <v>1803</v>
      </c>
      <c r="D34" s="19">
        <v>4001</v>
      </c>
    </row>
    <row r="35" spans="1:4" ht="18" customHeight="1" x14ac:dyDescent="0.2">
      <c r="A35" s="13" t="s">
        <v>11</v>
      </c>
      <c r="B35" s="17">
        <v>10748</v>
      </c>
      <c r="C35" s="18">
        <v>9354</v>
      </c>
      <c r="D35" s="19">
        <v>20102</v>
      </c>
    </row>
    <row r="36" spans="1:4" ht="18" customHeight="1" x14ac:dyDescent="0.2">
      <c r="A36" s="13">
        <v>25</v>
      </c>
      <c r="B36" s="17">
        <v>2218</v>
      </c>
      <c r="C36" s="18">
        <v>1921</v>
      </c>
      <c r="D36" s="19">
        <v>4139</v>
      </c>
    </row>
    <row r="37" spans="1:4" ht="18" customHeight="1" x14ac:dyDescent="0.2">
      <c r="A37" s="13">
        <v>26</v>
      </c>
      <c r="B37" s="17">
        <v>2069</v>
      </c>
      <c r="C37" s="18">
        <v>1889</v>
      </c>
      <c r="D37" s="19">
        <v>3958</v>
      </c>
    </row>
    <row r="38" spans="1:4" ht="18" customHeight="1" x14ac:dyDescent="0.2">
      <c r="A38" s="13">
        <v>27</v>
      </c>
      <c r="B38" s="17">
        <v>2033</v>
      </c>
      <c r="C38" s="18">
        <v>1809</v>
      </c>
      <c r="D38" s="19">
        <v>3842</v>
      </c>
    </row>
    <row r="39" spans="1:4" ht="18" customHeight="1" x14ac:dyDescent="0.2">
      <c r="A39" s="13">
        <v>28</v>
      </c>
      <c r="B39" s="17">
        <v>2035</v>
      </c>
      <c r="C39" s="18">
        <v>1896</v>
      </c>
      <c r="D39" s="19">
        <v>3931</v>
      </c>
    </row>
    <row r="40" spans="1:4" ht="18" customHeight="1" x14ac:dyDescent="0.2">
      <c r="A40" s="13">
        <v>29</v>
      </c>
      <c r="B40" s="17">
        <v>2118</v>
      </c>
      <c r="C40" s="18">
        <v>1795</v>
      </c>
      <c r="D40" s="19">
        <v>3913</v>
      </c>
    </row>
    <row r="41" spans="1:4" ht="18" customHeight="1" x14ac:dyDescent="0.2">
      <c r="A41" s="13" t="s">
        <v>12</v>
      </c>
      <c r="B41" s="17">
        <v>10473</v>
      </c>
      <c r="C41" s="18">
        <v>9310</v>
      </c>
      <c r="D41" s="19">
        <v>19783</v>
      </c>
    </row>
    <row r="42" spans="1:4" ht="18" customHeight="1" x14ac:dyDescent="0.2">
      <c r="A42" s="13">
        <v>30</v>
      </c>
      <c r="B42" s="17">
        <v>2174</v>
      </c>
      <c r="C42" s="18">
        <v>1862</v>
      </c>
      <c r="D42" s="19">
        <v>4036</v>
      </c>
    </row>
    <row r="43" spans="1:4" ht="18" customHeight="1" x14ac:dyDescent="0.2">
      <c r="A43" s="13">
        <v>31</v>
      </c>
      <c r="B43" s="17">
        <v>2172</v>
      </c>
      <c r="C43" s="18">
        <v>1942</v>
      </c>
      <c r="D43" s="19">
        <v>4114</v>
      </c>
    </row>
    <row r="44" spans="1:4" ht="18" customHeight="1" x14ac:dyDescent="0.2">
      <c r="A44" s="13">
        <v>32</v>
      </c>
      <c r="B44" s="17">
        <v>2172</v>
      </c>
      <c r="C44" s="18">
        <v>1951</v>
      </c>
      <c r="D44" s="19">
        <v>4123</v>
      </c>
    </row>
    <row r="45" spans="1:4" ht="18" customHeight="1" x14ac:dyDescent="0.2">
      <c r="A45" s="13">
        <v>33</v>
      </c>
      <c r="B45" s="17">
        <v>2211</v>
      </c>
      <c r="C45" s="18">
        <v>2060</v>
      </c>
      <c r="D45" s="19">
        <v>4271</v>
      </c>
    </row>
    <row r="46" spans="1:4" ht="18" customHeight="1" x14ac:dyDescent="0.2">
      <c r="A46" s="13">
        <v>34</v>
      </c>
      <c r="B46" s="17">
        <v>2308</v>
      </c>
      <c r="C46" s="18">
        <v>2164</v>
      </c>
      <c r="D46" s="19">
        <v>4472</v>
      </c>
    </row>
    <row r="47" spans="1:4" ht="18" customHeight="1" x14ac:dyDescent="0.2">
      <c r="A47" s="13" t="s">
        <v>13</v>
      </c>
      <c r="B47" s="17">
        <v>11037</v>
      </c>
      <c r="C47" s="18">
        <v>9979</v>
      </c>
      <c r="D47" s="19">
        <v>21016</v>
      </c>
    </row>
    <row r="48" spans="1:4" ht="18" customHeight="1" x14ac:dyDescent="0.2">
      <c r="A48" s="13">
        <v>35</v>
      </c>
      <c r="B48" s="17">
        <v>2416</v>
      </c>
      <c r="C48" s="18">
        <v>2252</v>
      </c>
      <c r="D48" s="19">
        <v>4668</v>
      </c>
    </row>
    <row r="49" spans="1:4" ht="18" customHeight="1" x14ac:dyDescent="0.2">
      <c r="A49" s="13">
        <v>36</v>
      </c>
      <c r="B49" s="17">
        <v>2452</v>
      </c>
      <c r="C49" s="18">
        <v>2210</v>
      </c>
      <c r="D49" s="19">
        <v>4662</v>
      </c>
    </row>
    <row r="50" spans="1:4" ht="18" customHeight="1" x14ac:dyDescent="0.2">
      <c r="A50" s="13">
        <v>37</v>
      </c>
      <c r="B50" s="17">
        <v>2446</v>
      </c>
      <c r="C50" s="18">
        <v>2203</v>
      </c>
      <c r="D50" s="19">
        <v>4649</v>
      </c>
    </row>
    <row r="51" spans="1:4" ht="18" customHeight="1" x14ac:dyDescent="0.2">
      <c r="A51" s="13">
        <v>38</v>
      </c>
      <c r="B51" s="17">
        <v>2457</v>
      </c>
      <c r="C51" s="18">
        <v>2391</v>
      </c>
      <c r="D51" s="19">
        <v>4848</v>
      </c>
    </row>
    <row r="52" spans="1:4" ht="18" customHeight="1" x14ac:dyDescent="0.2">
      <c r="A52" s="13">
        <v>39</v>
      </c>
      <c r="B52" s="17">
        <v>2418</v>
      </c>
      <c r="C52" s="18">
        <v>2272</v>
      </c>
      <c r="D52" s="19">
        <v>4690</v>
      </c>
    </row>
    <row r="53" spans="1:4" ht="18" customHeight="1" x14ac:dyDescent="0.2">
      <c r="A53" s="13" t="s">
        <v>14</v>
      </c>
      <c r="B53" s="17">
        <v>12189</v>
      </c>
      <c r="C53" s="18">
        <v>11328</v>
      </c>
      <c r="D53" s="19">
        <v>23517</v>
      </c>
    </row>
    <row r="54" spans="1:4" ht="18" customHeight="1" x14ac:dyDescent="0.2">
      <c r="A54" s="13">
        <v>40</v>
      </c>
      <c r="B54" s="17">
        <v>2586</v>
      </c>
      <c r="C54" s="18">
        <v>2456</v>
      </c>
      <c r="D54" s="19">
        <v>5042</v>
      </c>
    </row>
    <row r="55" spans="1:4" ht="18" customHeight="1" x14ac:dyDescent="0.2">
      <c r="A55" s="13">
        <v>41</v>
      </c>
      <c r="B55" s="17">
        <v>2676</v>
      </c>
      <c r="C55" s="18">
        <v>2588</v>
      </c>
      <c r="D55" s="19">
        <v>5264</v>
      </c>
    </row>
    <row r="56" spans="1:4" ht="18" customHeight="1" x14ac:dyDescent="0.2">
      <c r="A56" s="13">
        <v>42</v>
      </c>
      <c r="B56" s="17">
        <v>3028</v>
      </c>
      <c r="C56" s="18">
        <v>2703</v>
      </c>
      <c r="D56" s="19">
        <v>5731</v>
      </c>
    </row>
    <row r="57" spans="1:4" ht="18" customHeight="1" x14ac:dyDescent="0.2">
      <c r="A57" s="13">
        <v>43</v>
      </c>
      <c r="B57" s="17">
        <v>2949</v>
      </c>
      <c r="C57" s="18">
        <v>2794</v>
      </c>
      <c r="D57" s="19">
        <v>5743</v>
      </c>
    </row>
    <row r="58" spans="1:4" ht="18" customHeight="1" x14ac:dyDescent="0.2">
      <c r="A58" s="13">
        <v>44</v>
      </c>
      <c r="B58" s="17">
        <v>3196</v>
      </c>
      <c r="C58" s="18">
        <v>2965</v>
      </c>
      <c r="D58" s="19">
        <v>6161</v>
      </c>
    </row>
    <row r="59" spans="1:4" ht="18" customHeight="1" x14ac:dyDescent="0.2">
      <c r="A59" s="13" t="s">
        <v>15</v>
      </c>
      <c r="B59" s="17">
        <v>14435</v>
      </c>
      <c r="C59" s="18">
        <v>13506</v>
      </c>
      <c r="D59" s="19">
        <v>27941</v>
      </c>
    </row>
    <row r="60" spans="1:4" ht="18" customHeight="1" x14ac:dyDescent="0.2">
      <c r="A60" s="13">
        <v>45</v>
      </c>
      <c r="B60" s="17">
        <v>3390</v>
      </c>
      <c r="C60" s="18">
        <v>3295</v>
      </c>
      <c r="D60" s="19">
        <v>6685</v>
      </c>
    </row>
    <row r="61" spans="1:4" ht="18" customHeight="1" x14ac:dyDescent="0.2">
      <c r="A61" s="13">
        <v>46</v>
      </c>
      <c r="B61" s="17">
        <v>3496</v>
      </c>
      <c r="C61" s="18">
        <v>3377</v>
      </c>
      <c r="D61" s="19">
        <v>6873</v>
      </c>
    </row>
    <row r="62" spans="1:4" ht="18" customHeight="1" x14ac:dyDescent="0.2">
      <c r="A62" s="13">
        <v>47</v>
      </c>
      <c r="B62" s="17">
        <v>3593</v>
      </c>
      <c r="C62" s="18">
        <v>3456</v>
      </c>
      <c r="D62" s="19">
        <v>7049</v>
      </c>
    </row>
    <row r="63" spans="1:4" ht="18" customHeight="1" x14ac:dyDescent="0.2">
      <c r="A63" s="13">
        <v>48</v>
      </c>
      <c r="B63" s="17">
        <v>3492</v>
      </c>
      <c r="C63" s="18">
        <v>3298</v>
      </c>
      <c r="D63" s="19">
        <v>6790</v>
      </c>
    </row>
    <row r="64" spans="1:4" ht="18" customHeight="1" x14ac:dyDescent="0.2">
      <c r="A64" s="13">
        <v>49</v>
      </c>
      <c r="B64" s="17">
        <v>3261</v>
      </c>
      <c r="C64" s="18">
        <v>3170</v>
      </c>
      <c r="D64" s="19">
        <v>6431</v>
      </c>
    </row>
    <row r="65" spans="1:4" ht="18" customHeight="1" x14ac:dyDescent="0.2">
      <c r="A65" s="13" t="s">
        <v>16</v>
      </c>
      <c r="B65" s="17">
        <v>17232</v>
      </c>
      <c r="C65" s="18">
        <v>16596</v>
      </c>
      <c r="D65" s="19">
        <v>33828</v>
      </c>
    </row>
    <row r="66" spans="1:4" ht="18" customHeight="1" x14ac:dyDescent="0.2">
      <c r="A66" s="13">
        <v>50</v>
      </c>
      <c r="B66" s="17">
        <v>3152</v>
      </c>
      <c r="C66" s="18">
        <v>2928</v>
      </c>
      <c r="D66" s="19">
        <v>6080</v>
      </c>
    </row>
    <row r="67" spans="1:4" ht="18" customHeight="1" x14ac:dyDescent="0.2">
      <c r="A67" s="13">
        <v>51</v>
      </c>
      <c r="B67" s="17">
        <v>3151</v>
      </c>
      <c r="C67" s="18">
        <v>2898</v>
      </c>
      <c r="D67" s="19">
        <v>6049</v>
      </c>
    </row>
    <row r="68" spans="1:4" ht="18" customHeight="1" x14ac:dyDescent="0.2">
      <c r="A68" s="13">
        <v>52</v>
      </c>
      <c r="B68" s="17">
        <v>2868</v>
      </c>
      <c r="C68" s="18">
        <v>2868</v>
      </c>
      <c r="D68" s="19">
        <v>5736</v>
      </c>
    </row>
    <row r="69" spans="1:4" ht="18" customHeight="1" x14ac:dyDescent="0.2">
      <c r="A69" s="13">
        <v>53</v>
      </c>
      <c r="B69" s="17">
        <v>2745</v>
      </c>
      <c r="C69" s="18">
        <v>2711</v>
      </c>
      <c r="D69" s="19">
        <v>5456</v>
      </c>
    </row>
    <row r="70" spans="1:4" ht="18" customHeight="1" x14ac:dyDescent="0.2">
      <c r="A70" s="13">
        <v>54</v>
      </c>
      <c r="B70" s="17">
        <v>2285</v>
      </c>
      <c r="C70" s="18">
        <v>2362</v>
      </c>
      <c r="D70" s="19">
        <v>4647</v>
      </c>
    </row>
    <row r="71" spans="1:4" ht="18" customHeight="1" x14ac:dyDescent="0.2">
      <c r="A71" s="13" t="s">
        <v>17</v>
      </c>
      <c r="B71" s="17">
        <v>14201</v>
      </c>
      <c r="C71" s="18">
        <v>13767</v>
      </c>
      <c r="D71" s="19">
        <v>27968</v>
      </c>
    </row>
    <row r="72" spans="1:4" ht="18" customHeight="1" x14ac:dyDescent="0.2">
      <c r="A72" s="13">
        <v>55</v>
      </c>
      <c r="B72" s="17">
        <v>2617</v>
      </c>
      <c r="C72" s="18">
        <v>2676</v>
      </c>
      <c r="D72" s="19">
        <v>5293</v>
      </c>
    </row>
    <row r="73" spans="1:4" ht="18" customHeight="1" x14ac:dyDescent="0.2">
      <c r="A73" s="13">
        <v>56</v>
      </c>
      <c r="B73" s="17">
        <v>2559</v>
      </c>
      <c r="C73" s="18">
        <v>2513</v>
      </c>
      <c r="D73" s="19">
        <v>5072</v>
      </c>
    </row>
    <row r="74" spans="1:4" ht="18" customHeight="1" x14ac:dyDescent="0.2">
      <c r="A74" s="13">
        <v>57</v>
      </c>
      <c r="B74" s="17">
        <v>2568</v>
      </c>
      <c r="C74" s="18">
        <v>2531</v>
      </c>
      <c r="D74" s="19">
        <v>5099</v>
      </c>
    </row>
    <row r="75" spans="1:4" ht="18" customHeight="1" x14ac:dyDescent="0.2">
      <c r="A75" s="13">
        <v>58</v>
      </c>
      <c r="B75" s="17">
        <v>2287</v>
      </c>
      <c r="C75" s="18">
        <v>2281</v>
      </c>
      <c r="D75" s="19">
        <v>4568</v>
      </c>
    </row>
    <row r="76" spans="1:4" ht="18" customHeight="1" x14ac:dyDescent="0.2">
      <c r="A76" s="13">
        <v>59</v>
      </c>
      <c r="B76" s="17">
        <v>2272</v>
      </c>
      <c r="C76" s="18">
        <v>2483</v>
      </c>
      <c r="D76" s="19">
        <v>4755</v>
      </c>
    </row>
    <row r="77" spans="1:4" ht="18" customHeight="1" x14ac:dyDescent="0.2">
      <c r="A77" s="13" t="s">
        <v>18</v>
      </c>
      <c r="B77" s="17">
        <v>12303</v>
      </c>
      <c r="C77" s="18">
        <v>12484</v>
      </c>
      <c r="D77" s="19">
        <v>24787</v>
      </c>
    </row>
    <row r="78" spans="1:4" ht="18" customHeight="1" x14ac:dyDescent="0.2">
      <c r="A78" s="13">
        <v>60</v>
      </c>
      <c r="B78" s="17">
        <v>2375</v>
      </c>
      <c r="C78" s="18">
        <v>2392</v>
      </c>
      <c r="D78" s="19">
        <v>4767</v>
      </c>
    </row>
    <row r="79" spans="1:4" ht="18" customHeight="1" x14ac:dyDescent="0.2">
      <c r="A79" s="13">
        <v>61</v>
      </c>
      <c r="B79" s="17">
        <v>2318</v>
      </c>
      <c r="C79" s="18">
        <v>2496</v>
      </c>
      <c r="D79" s="19">
        <v>4814</v>
      </c>
    </row>
    <row r="80" spans="1:4" ht="18" customHeight="1" x14ac:dyDescent="0.2">
      <c r="A80" s="13">
        <v>62</v>
      </c>
      <c r="B80" s="17">
        <v>2275</v>
      </c>
      <c r="C80" s="18">
        <v>2313</v>
      </c>
      <c r="D80" s="19">
        <v>4588</v>
      </c>
    </row>
    <row r="81" spans="1:4" ht="18" customHeight="1" x14ac:dyDescent="0.2">
      <c r="A81" s="13">
        <v>63</v>
      </c>
      <c r="B81" s="17">
        <v>2233</v>
      </c>
      <c r="C81" s="18">
        <v>2329</v>
      </c>
      <c r="D81" s="19">
        <v>4562</v>
      </c>
    </row>
    <row r="82" spans="1:4" ht="18" customHeight="1" x14ac:dyDescent="0.2">
      <c r="A82" s="13">
        <v>64</v>
      </c>
      <c r="B82" s="17">
        <v>2318</v>
      </c>
      <c r="C82" s="18">
        <v>2511</v>
      </c>
      <c r="D82" s="19">
        <v>4829</v>
      </c>
    </row>
    <row r="83" spans="1:4" ht="18" customHeight="1" x14ac:dyDescent="0.2">
      <c r="A83" s="13" t="s">
        <v>19</v>
      </c>
      <c r="B83" s="17">
        <v>11519</v>
      </c>
      <c r="C83" s="18">
        <v>12041</v>
      </c>
      <c r="D83" s="19">
        <v>23560</v>
      </c>
    </row>
    <row r="84" spans="1:4" ht="18" customHeight="1" x14ac:dyDescent="0.2">
      <c r="A84" s="13" t="s">
        <v>20</v>
      </c>
      <c r="B84" s="17">
        <v>124132</v>
      </c>
      <c r="C84" s="18">
        <v>117774</v>
      </c>
      <c r="D84" s="19">
        <v>241906</v>
      </c>
    </row>
    <row r="85" spans="1:4" ht="18" customHeight="1" x14ac:dyDescent="0.2">
      <c r="A85" s="13">
        <v>65</v>
      </c>
      <c r="B85" s="17">
        <v>2498</v>
      </c>
      <c r="C85" s="18">
        <v>2641</v>
      </c>
      <c r="D85" s="19">
        <v>5139</v>
      </c>
    </row>
    <row r="86" spans="1:4" ht="18" customHeight="1" x14ac:dyDescent="0.2">
      <c r="A86" s="13">
        <v>66</v>
      </c>
      <c r="B86" s="17">
        <v>2467</v>
      </c>
      <c r="C86" s="18">
        <v>2584</v>
      </c>
      <c r="D86" s="19">
        <v>5051</v>
      </c>
    </row>
    <row r="87" spans="1:4" ht="18" customHeight="1" x14ac:dyDescent="0.2">
      <c r="A87" s="13">
        <v>67</v>
      </c>
      <c r="B87" s="17">
        <v>2628</v>
      </c>
      <c r="C87" s="18">
        <v>2848</v>
      </c>
      <c r="D87" s="19">
        <v>5476</v>
      </c>
    </row>
    <row r="88" spans="1:4" ht="18" customHeight="1" x14ac:dyDescent="0.2">
      <c r="A88" s="13">
        <v>68</v>
      </c>
      <c r="B88" s="17">
        <v>2650</v>
      </c>
      <c r="C88" s="18">
        <v>2847</v>
      </c>
      <c r="D88" s="19">
        <v>5497</v>
      </c>
    </row>
    <row r="89" spans="1:4" ht="18" customHeight="1" x14ac:dyDescent="0.2">
      <c r="A89" s="13">
        <v>69</v>
      </c>
      <c r="B89" s="17">
        <v>2833</v>
      </c>
      <c r="C89" s="18">
        <v>3092</v>
      </c>
      <c r="D89" s="19">
        <v>5925</v>
      </c>
    </row>
    <row r="90" spans="1:4" ht="18" customHeight="1" x14ac:dyDescent="0.2">
      <c r="A90" s="13" t="s">
        <v>21</v>
      </c>
      <c r="B90" s="17">
        <v>13076</v>
      </c>
      <c r="C90" s="18">
        <v>14012</v>
      </c>
      <c r="D90" s="19">
        <v>27088</v>
      </c>
    </row>
    <row r="91" spans="1:4" ht="18" customHeight="1" x14ac:dyDescent="0.2">
      <c r="A91" s="13">
        <v>70</v>
      </c>
      <c r="B91" s="17">
        <v>3143</v>
      </c>
      <c r="C91" s="18">
        <v>3558</v>
      </c>
      <c r="D91" s="19">
        <v>6701</v>
      </c>
    </row>
    <row r="92" spans="1:4" ht="18" customHeight="1" x14ac:dyDescent="0.2">
      <c r="A92" s="13">
        <v>71</v>
      </c>
      <c r="B92" s="17">
        <v>3478</v>
      </c>
      <c r="C92" s="18">
        <v>3769</v>
      </c>
      <c r="D92" s="19">
        <v>7247</v>
      </c>
    </row>
    <row r="93" spans="1:4" ht="18" customHeight="1" x14ac:dyDescent="0.2">
      <c r="A93" s="13">
        <v>72</v>
      </c>
      <c r="B93" s="17">
        <v>3399</v>
      </c>
      <c r="C93" s="18">
        <v>3890</v>
      </c>
      <c r="D93" s="19">
        <v>7289</v>
      </c>
    </row>
    <row r="94" spans="1:4" ht="18" customHeight="1" x14ac:dyDescent="0.2">
      <c r="A94" s="13">
        <v>73</v>
      </c>
      <c r="B94" s="17">
        <v>3312</v>
      </c>
      <c r="C94" s="18">
        <v>3923</v>
      </c>
      <c r="D94" s="19">
        <v>7235</v>
      </c>
    </row>
    <row r="95" spans="1:4" ht="18" customHeight="1" x14ac:dyDescent="0.2">
      <c r="A95" s="13">
        <v>74</v>
      </c>
      <c r="B95" s="17">
        <v>1701</v>
      </c>
      <c r="C95" s="18">
        <v>1962</v>
      </c>
      <c r="D95" s="19">
        <v>3663</v>
      </c>
    </row>
    <row r="96" spans="1:4" ht="18" customHeight="1" x14ac:dyDescent="0.2">
      <c r="A96" s="13" t="s">
        <v>22</v>
      </c>
      <c r="B96" s="17">
        <v>15033</v>
      </c>
      <c r="C96" s="18">
        <v>17102</v>
      </c>
      <c r="D96" s="19">
        <v>32135</v>
      </c>
    </row>
    <row r="97" spans="1:4" ht="18" customHeight="1" x14ac:dyDescent="0.2">
      <c r="A97" s="13">
        <v>75</v>
      </c>
      <c r="B97" s="17">
        <v>2014</v>
      </c>
      <c r="C97" s="18">
        <v>2496</v>
      </c>
      <c r="D97" s="19">
        <v>4510</v>
      </c>
    </row>
    <row r="98" spans="1:4" ht="18" customHeight="1" x14ac:dyDescent="0.2">
      <c r="A98" s="13">
        <v>76</v>
      </c>
      <c r="B98" s="17">
        <v>2410</v>
      </c>
      <c r="C98" s="18">
        <v>3063</v>
      </c>
      <c r="D98" s="19">
        <v>5473</v>
      </c>
    </row>
    <row r="99" spans="1:4" ht="18" customHeight="1" x14ac:dyDescent="0.2">
      <c r="A99" s="13">
        <v>77</v>
      </c>
      <c r="B99" s="17">
        <v>2192</v>
      </c>
      <c r="C99" s="18">
        <v>2771</v>
      </c>
      <c r="D99" s="19">
        <v>4963</v>
      </c>
    </row>
    <row r="100" spans="1:4" ht="18" customHeight="1" x14ac:dyDescent="0.2">
      <c r="A100" s="13">
        <v>78</v>
      </c>
      <c r="B100" s="17">
        <v>2337</v>
      </c>
      <c r="C100" s="18">
        <v>3036</v>
      </c>
      <c r="D100" s="19">
        <v>5373</v>
      </c>
    </row>
    <row r="101" spans="1:4" ht="18" customHeight="1" x14ac:dyDescent="0.2">
      <c r="A101" s="13">
        <v>79</v>
      </c>
      <c r="B101" s="17">
        <v>2026</v>
      </c>
      <c r="C101" s="18">
        <v>2555</v>
      </c>
      <c r="D101" s="19">
        <v>4581</v>
      </c>
    </row>
    <row r="102" spans="1:4" ht="18" customHeight="1" x14ac:dyDescent="0.2">
      <c r="A102" s="13" t="s">
        <v>23</v>
      </c>
      <c r="B102" s="17">
        <v>10979</v>
      </c>
      <c r="C102" s="18">
        <v>13921</v>
      </c>
      <c r="D102" s="19">
        <v>24900</v>
      </c>
    </row>
    <row r="103" spans="1:4" ht="18" customHeight="1" x14ac:dyDescent="0.2">
      <c r="A103" s="13">
        <v>80</v>
      </c>
      <c r="B103" s="17">
        <v>1763</v>
      </c>
      <c r="C103" s="18">
        <v>2300</v>
      </c>
      <c r="D103" s="19">
        <v>4063</v>
      </c>
    </row>
    <row r="104" spans="1:4" ht="18" customHeight="1" x14ac:dyDescent="0.2">
      <c r="A104" s="13">
        <v>81</v>
      </c>
      <c r="B104" s="17">
        <v>1364</v>
      </c>
      <c r="C104" s="18">
        <v>1895</v>
      </c>
      <c r="D104" s="19">
        <v>3259</v>
      </c>
    </row>
    <row r="105" spans="1:4" ht="18" customHeight="1" x14ac:dyDescent="0.2">
      <c r="A105" s="13">
        <v>82</v>
      </c>
      <c r="B105" s="17">
        <v>1427</v>
      </c>
      <c r="C105" s="18">
        <v>2075</v>
      </c>
      <c r="D105" s="19">
        <v>3502</v>
      </c>
    </row>
    <row r="106" spans="1:4" ht="18" customHeight="1" x14ac:dyDescent="0.2">
      <c r="A106" s="13">
        <v>83</v>
      </c>
      <c r="B106" s="17">
        <v>1362</v>
      </c>
      <c r="C106" s="18">
        <v>2069</v>
      </c>
      <c r="D106" s="19">
        <v>3431</v>
      </c>
    </row>
    <row r="107" spans="1:4" ht="18" customHeight="1" x14ac:dyDescent="0.2">
      <c r="A107" s="13">
        <v>84</v>
      </c>
      <c r="B107" s="17">
        <v>1354</v>
      </c>
      <c r="C107" s="18">
        <v>2363</v>
      </c>
      <c r="D107" s="19">
        <v>3717</v>
      </c>
    </row>
    <row r="108" spans="1:4" ht="18" customHeight="1" x14ac:dyDescent="0.2">
      <c r="A108" s="13" t="s">
        <v>24</v>
      </c>
      <c r="B108" s="17">
        <v>7270</v>
      </c>
      <c r="C108" s="18">
        <v>10702</v>
      </c>
      <c r="D108" s="19">
        <v>17972</v>
      </c>
    </row>
    <row r="109" spans="1:4" ht="18" customHeight="1" x14ac:dyDescent="0.2">
      <c r="A109" s="13">
        <v>85</v>
      </c>
      <c r="B109" s="17">
        <v>1043</v>
      </c>
      <c r="C109" s="18">
        <v>1680</v>
      </c>
      <c r="D109" s="19">
        <v>2723</v>
      </c>
    </row>
    <row r="110" spans="1:4" ht="18" customHeight="1" x14ac:dyDescent="0.2">
      <c r="A110" s="13">
        <v>86</v>
      </c>
      <c r="B110" s="17">
        <v>1024</v>
      </c>
      <c r="C110" s="18">
        <v>1826</v>
      </c>
      <c r="D110" s="19">
        <v>2850</v>
      </c>
    </row>
    <row r="111" spans="1:4" ht="18" customHeight="1" x14ac:dyDescent="0.2">
      <c r="A111" s="13">
        <v>87</v>
      </c>
      <c r="B111" s="17">
        <v>857</v>
      </c>
      <c r="C111" s="18">
        <v>1855</v>
      </c>
      <c r="D111" s="19">
        <v>2712</v>
      </c>
    </row>
    <row r="112" spans="1:4" ht="18" customHeight="1" x14ac:dyDescent="0.2">
      <c r="A112" s="13">
        <v>88</v>
      </c>
      <c r="B112" s="17">
        <v>667</v>
      </c>
      <c r="C112" s="18">
        <v>1609</v>
      </c>
      <c r="D112" s="19">
        <v>2276</v>
      </c>
    </row>
    <row r="113" spans="1:4" ht="18" customHeight="1" x14ac:dyDescent="0.2">
      <c r="A113" s="13">
        <v>89</v>
      </c>
      <c r="B113" s="17">
        <v>621</v>
      </c>
      <c r="C113" s="18">
        <v>1419</v>
      </c>
      <c r="D113" s="19">
        <v>2040</v>
      </c>
    </row>
    <row r="114" spans="1:4" ht="18" customHeight="1" x14ac:dyDescent="0.2">
      <c r="A114" s="13" t="s">
        <v>25</v>
      </c>
      <c r="B114" s="17">
        <v>4212</v>
      </c>
      <c r="C114" s="18">
        <v>8389</v>
      </c>
      <c r="D114" s="19">
        <v>12601</v>
      </c>
    </row>
    <row r="115" spans="1:4" ht="18" customHeight="1" x14ac:dyDescent="0.2">
      <c r="A115" s="13">
        <v>90</v>
      </c>
      <c r="B115" s="17">
        <v>502</v>
      </c>
      <c r="C115" s="18">
        <v>1193</v>
      </c>
      <c r="D115" s="19">
        <v>1695</v>
      </c>
    </row>
    <row r="116" spans="1:4" ht="18" customHeight="1" x14ac:dyDescent="0.2">
      <c r="A116" s="13">
        <v>91</v>
      </c>
      <c r="B116" s="17">
        <v>419</v>
      </c>
      <c r="C116" s="18">
        <v>1161</v>
      </c>
      <c r="D116" s="19">
        <v>1580</v>
      </c>
    </row>
    <row r="117" spans="1:4" ht="18" customHeight="1" x14ac:dyDescent="0.2">
      <c r="A117" s="13">
        <v>92</v>
      </c>
      <c r="B117" s="17">
        <v>323</v>
      </c>
      <c r="C117" s="18">
        <v>917</v>
      </c>
      <c r="D117" s="19">
        <v>1240</v>
      </c>
    </row>
    <row r="118" spans="1:4" ht="18" customHeight="1" x14ac:dyDescent="0.2">
      <c r="A118" s="13">
        <v>93</v>
      </c>
      <c r="B118" s="17">
        <v>250</v>
      </c>
      <c r="C118" s="18">
        <v>728</v>
      </c>
      <c r="D118" s="19">
        <v>978</v>
      </c>
    </row>
    <row r="119" spans="1:4" ht="18" customHeight="1" x14ac:dyDescent="0.2">
      <c r="A119" s="13">
        <v>94</v>
      </c>
      <c r="B119" s="17">
        <v>181</v>
      </c>
      <c r="C119" s="18">
        <v>652</v>
      </c>
      <c r="D119" s="19">
        <v>833</v>
      </c>
    </row>
    <row r="120" spans="1:4" ht="18" customHeight="1" x14ac:dyDescent="0.2">
      <c r="A120" s="13" t="s">
        <v>26</v>
      </c>
      <c r="B120" s="17">
        <v>1675</v>
      </c>
      <c r="C120" s="18">
        <v>4651</v>
      </c>
      <c r="D120" s="19">
        <v>6326</v>
      </c>
    </row>
    <row r="121" spans="1:4" ht="18" customHeight="1" x14ac:dyDescent="0.2">
      <c r="A121" s="13">
        <v>95</v>
      </c>
      <c r="B121" s="17">
        <v>130</v>
      </c>
      <c r="C121" s="18">
        <v>558</v>
      </c>
      <c r="D121" s="19">
        <v>688</v>
      </c>
    </row>
    <row r="122" spans="1:4" ht="18" customHeight="1" x14ac:dyDescent="0.2">
      <c r="A122" s="13">
        <v>96</v>
      </c>
      <c r="B122" s="17">
        <v>89</v>
      </c>
      <c r="C122" s="18">
        <v>375</v>
      </c>
      <c r="D122" s="19">
        <v>464</v>
      </c>
    </row>
    <row r="123" spans="1:4" ht="18" customHeight="1" x14ac:dyDescent="0.2">
      <c r="A123" s="13">
        <v>97</v>
      </c>
      <c r="B123" s="17">
        <v>58</v>
      </c>
      <c r="C123" s="18">
        <v>276</v>
      </c>
      <c r="D123" s="19">
        <v>334</v>
      </c>
    </row>
    <row r="124" spans="1:4" ht="18" customHeight="1" x14ac:dyDescent="0.2">
      <c r="A124" s="13">
        <v>98</v>
      </c>
      <c r="B124" s="17">
        <v>43</v>
      </c>
      <c r="C124" s="18">
        <v>246</v>
      </c>
      <c r="D124" s="19">
        <v>289</v>
      </c>
    </row>
    <row r="125" spans="1:4" ht="18" customHeight="1" x14ac:dyDescent="0.2">
      <c r="A125" s="13">
        <v>99</v>
      </c>
      <c r="B125" s="17">
        <v>18</v>
      </c>
      <c r="C125" s="18">
        <v>155</v>
      </c>
      <c r="D125" s="19">
        <v>173</v>
      </c>
    </row>
    <row r="126" spans="1:4" ht="18" customHeight="1" x14ac:dyDescent="0.2">
      <c r="A126" s="13" t="s">
        <v>27</v>
      </c>
      <c r="B126" s="17">
        <v>338</v>
      </c>
      <c r="C126" s="18">
        <v>1610</v>
      </c>
      <c r="D126" s="19">
        <v>1948</v>
      </c>
    </row>
    <row r="127" spans="1:4" ht="18" customHeight="1" x14ac:dyDescent="0.2">
      <c r="A127" s="13">
        <v>100</v>
      </c>
      <c r="B127" s="17">
        <v>20</v>
      </c>
      <c r="C127" s="18">
        <v>99</v>
      </c>
      <c r="D127" s="19">
        <v>119</v>
      </c>
    </row>
    <row r="128" spans="1:4" ht="18" customHeight="1" x14ac:dyDescent="0.2">
      <c r="A128" s="20" t="s">
        <v>28</v>
      </c>
      <c r="B128" s="17">
        <v>18</v>
      </c>
      <c r="C128" s="18">
        <v>152</v>
      </c>
      <c r="D128" s="19">
        <v>170</v>
      </c>
    </row>
    <row r="129" spans="1:4" ht="18" customHeight="1" x14ac:dyDescent="0.2">
      <c r="A129" s="13" t="s">
        <v>29</v>
      </c>
      <c r="B129" s="17">
        <v>38</v>
      </c>
      <c r="C129" s="18">
        <v>251</v>
      </c>
      <c r="D129" s="19">
        <v>289</v>
      </c>
    </row>
    <row r="130" spans="1:4" ht="18" customHeight="1" x14ac:dyDescent="0.2">
      <c r="A130" s="13" t="s">
        <v>30</v>
      </c>
      <c r="B130" s="21">
        <v>52621</v>
      </c>
      <c r="C130" s="22">
        <v>70638</v>
      </c>
      <c r="D130" s="23">
        <v>123259</v>
      </c>
    </row>
    <row r="131" spans="1:4" ht="18" customHeight="1" x14ac:dyDescent="0.2">
      <c r="A131" s="24" t="s">
        <v>31</v>
      </c>
      <c r="B131" s="25">
        <v>202089</v>
      </c>
      <c r="C131" s="26">
        <v>212484</v>
      </c>
      <c r="D131" s="27">
        <v>4145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8-04T01:55:31Z</dcterms:created>
  <dcterms:modified xsi:type="dcterms:W3CDTF">2020-08-04T01:55:32Z</dcterms:modified>
</cp:coreProperties>
</file>